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1\"/>
    </mc:Choice>
  </mc:AlternateContent>
  <bookViews>
    <workbookView xWindow="0" yWindow="0" windowWidth="17988" windowHeight="7956"/>
  </bookViews>
  <sheets>
    <sheet name="1-2" sheetId="1" r:id="rId1"/>
  </sheets>
  <definedNames>
    <definedName name="_xlnm.Print_Area" localSheetId="0">'1-2'!$A$1:$K$4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6" i="1" l="1"/>
  <c r="J6" i="1"/>
  <c r="I6" i="1"/>
  <c r="H6" i="1"/>
  <c r="G6" i="1"/>
  <c r="F6" i="1"/>
  <c r="E6" i="1"/>
  <c r="E4" i="1" s="1"/>
  <c r="D6" i="1"/>
  <c r="D4" i="1" s="1"/>
  <c r="C6" i="1"/>
  <c r="B6" i="1"/>
  <c r="K5" i="1"/>
  <c r="J5" i="1"/>
  <c r="I5" i="1"/>
  <c r="H5" i="1"/>
  <c r="G5" i="1"/>
  <c r="G4" i="1" s="1"/>
  <c r="F5" i="1"/>
  <c r="F4" i="1" s="1"/>
  <c r="E5" i="1"/>
  <c r="D5" i="1"/>
  <c r="C5" i="1"/>
  <c r="B5" i="1"/>
  <c r="K4" i="1"/>
  <c r="J4" i="1"/>
  <c r="I4" i="1"/>
  <c r="H4" i="1"/>
  <c r="C4" i="1"/>
  <c r="B4" i="1"/>
</calcChain>
</file>

<file path=xl/sharedStrings.xml><?xml version="1.0" encoding="utf-8"?>
<sst xmlns="http://schemas.openxmlformats.org/spreadsheetml/2006/main" count="55" uniqueCount="47">
  <si>
    <t>1-2表　男女別人口</t>
    <phoneticPr fontId="3"/>
  </si>
  <si>
    <t>（単位：人）</t>
    <phoneticPr fontId="3"/>
  </si>
  <si>
    <t>市町村名</t>
  </si>
  <si>
    <t>平成30年</t>
    <phoneticPr fontId="2"/>
  </si>
  <si>
    <t>令和元年</t>
    <rPh sb="0" eb="2">
      <t>レイワ</t>
    </rPh>
    <rPh sb="2" eb="3">
      <t>ガン</t>
    </rPh>
    <phoneticPr fontId="2"/>
  </si>
  <si>
    <t>令和２年</t>
    <rPh sb="0" eb="2">
      <t>レイワ</t>
    </rPh>
    <phoneticPr fontId="2"/>
  </si>
  <si>
    <t>令和３年</t>
    <rPh sb="0" eb="2">
      <t>レイワ</t>
    </rPh>
    <phoneticPr fontId="2"/>
  </si>
  <si>
    <t>令和４年</t>
    <rPh sb="0" eb="2">
      <t>レイワ</t>
    </rPh>
    <phoneticPr fontId="2"/>
  </si>
  <si>
    <t>男</t>
  </si>
  <si>
    <t>女</t>
  </si>
  <si>
    <t>県計</t>
  </si>
  <si>
    <t>市計</t>
  </si>
  <si>
    <t>町村計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国勢調査（各年10月1日現在）ただし、平成28年から令和元年は【神奈川県人口統計調査結果「神奈川県の人口と世帯」（各年10月1日現在）】で把握した数値を掲載。</t>
    <rPh sb="29" eb="31">
      <t>レイワ</t>
    </rPh>
    <rPh sb="31" eb="33">
      <t>ガンネ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#,##0_ "/>
  </numFmts>
  <fonts count="5" x14ac:knownFonts="1"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indexed="9"/>
        <bgColor indexed="64"/>
      </patternFill>
    </fill>
  </fills>
  <borders count="18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/>
  </cellStyleXfs>
  <cellXfs count="30">
    <xf numFmtId="0" fontId="0" fillId="0" borderId="0" xfId="0"/>
    <xf numFmtId="0" fontId="1" fillId="0" borderId="0" xfId="0" applyFont="1" applyAlignment="1">
      <alignment vertical="center"/>
    </xf>
    <xf numFmtId="0" fontId="1" fillId="0" borderId="0" xfId="0" applyFont="1" applyAlignment="1">
      <alignment horizontal="right" vertical="center"/>
    </xf>
    <xf numFmtId="176" fontId="1" fillId="2" borderId="7" xfId="0" applyNumberFormat="1" applyFont="1" applyFill="1" applyBorder="1" applyAlignment="1">
      <alignment horizontal="distributed" vertical="center"/>
    </xf>
    <xf numFmtId="176" fontId="1" fillId="2" borderId="8" xfId="0" applyNumberFormat="1" applyFont="1" applyFill="1" applyBorder="1" applyAlignment="1">
      <alignment horizontal="distributed" vertical="center"/>
    </xf>
    <xf numFmtId="176" fontId="1" fillId="3" borderId="2" xfId="0" applyNumberFormat="1" applyFont="1" applyFill="1" applyBorder="1" applyAlignment="1">
      <alignment horizontal="distributed" vertical="center" justifyLastLine="1"/>
    </xf>
    <xf numFmtId="41" fontId="4" fillId="3" borderId="4" xfId="0" applyNumberFormat="1" applyFont="1" applyFill="1" applyBorder="1" applyAlignment="1">
      <alignment vertical="center"/>
    </xf>
    <xf numFmtId="41" fontId="4" fillId="3" borderId="5" xfId="0" applyNumberFormat="1" applyFont="1" applyFill="1" applyBorder="1" applyAlignment="1">
      <alignment vertical="center"/>
    </xf>
    <xf numFmtId="176" fontId="1" fillId="3" borderId="9" xfId="0" applyNumberFormat="1" applyFont="1" applyFill="1" applyBorder="1" applyAlignment="1">
      <alignment horizontal="distributed" vertical="center" justifyLastLine="1"/>
    </xf>
    <xf numFmtId="41" fontId="4" fillId="3" borderId="10" xfId="0" applyNumberFormat="1" applyFont="1" applyFill="1" applyBorder="1" applyAlignment="1">
      <alignment vertical="center"/>
    </xf>
    <xf numFmtId="41" fontId="4" fillId="3" borderId="11" xfId="0" applyNumberFormat="1" applyFont="1" applyFill="1" applyBorder="1" applyAlignment="1">
      <alignment vertical="center"/>
    </xf>
    <xf numFmtId="176" fontId="1" fillId="3" borderId="12" xfId="0" applyNumberFormat="1" applyFont="1" applyFill="1" applyBorder="1" applyAlignment="1">
      <alignment horizontal="distributed" vertical="center" justifyLastLine="1"/>
    </xf>
    <xf numFmtId="41" fontId="4" fillId="3" borderId="13" xfId="0" applyNumberFormat="1" applyFont="1" applyFill="1" applyBorder="1" applyAlignment="1">
      <alignment vertical="center"/>
    </xf>
    <xf numFmtId="41" fontId="4" fillId="3" borderId="14" xfId="0" applyNumberFormat="1" applyFont="1" applyFill="1" applyBorder="1" applyAlignment="1">
      <alignment vertical="center"/>
    </xf>
    <xf numFmtId="176" fontId="1" fillId="0" borderId="9" xfId="0" applyNumberFormat="1" applyFont="1" applyBorder="1" applyAlignment="1">
      <alignment vertical="center"/>
    </xf>
    <xf numFmtId="41" fontId="1" fillId="0" borderId="15" xfId="0" applyNumberFormat="1" applyFont="1" applyBorder="1" applyAlignment="1">
      <alignment vertical="center"/>
    </xf>
    <xf numFmtId="41" fontId="1" fillId="0" borderId="16" xfId="0" applyNumberFormat="1" applyFont="1" applyBorder="1" applyAlignment="1">
      <alignment vertical="center"/>
    </xf>
    <xf numFmtId="41" fontId="1" fillId="0" borderId="10" xfId="0" applyNumberFormat="1" applyFont="1" applyBorder="1" applyAlignment="1">
      <alignment vertical="center"/>
    </xf>
    <xf numFmtId="41" fontId="1" fillId="0" borderId="11" xfId="0" applyNumberFormat="1" applyFont="1" applyBorder="1" applyAlignment="1">
      <alignment vertical="center"/>
    </xf>
    <xf numFmtId="176" fontId="1" fillId="0" borderId="12" xfId="0" applyNumberFormat="1" applyFont="1" applyBorder="1" applyAlignment="1">
      <alignment vertical="center"/>
    </xf>
    <xf numFmtId="41" fontId="1" fillId="0" borderId="13" xfId="0" applyNumberFormat="1" applyFont="1" applyBorder="1" applyAlignment="1">
      <alignment vertical="center"/>
    </xf>
    <xf numFmtId="41" fontId="1" fillId="0" borderId="14" xfId="0" applyNumberFormat="1" applyFont="1" applyBorder="1" applyAlignment="1">
      <alignment vertical="center"/>
    </xf>
    <xf numFmtId="176" fontId="1" fillId="4" borderId="17" xfId="0" applyNumberFormat="1" applyFont="1" applyFill="1" applyBorder="1" applyAlignment="1">
      <alignment horizontal="left" vertical="center" wrapText="1"/>
    </xf>
    <xf numFmtId="176" fontId="1" fillId="4" borderId="0" xfId="0" applyNumberFormat="1" applyFont="1" applyFill="1" applyBorder="1" applyAlignment="1">
      <alignment horizontal="left" vertical="center" wrapText="1"/>
    </xf>
    <xf numFmtId="176" fontId="1" fillId="2" borderId="1" xfId="0" applyNumberFormat="1" applyFont="1" applyFill="1" applyBorder="1" applyAlignment="1">
      <alignment horizontal="distributed" vertical="center" justifyLastLine="1"/>
    </xf>
    <xf numFmtId="176" fontId="1" fillId="2" borderId="6" xfId="0" applyNumberFormat="1" applyFont="1" applyFill="1" applyBorder="1" applyAlignment="1">
      <alignment horizontal="distributed" vertical="center" indent="1"/>
    </xf>
    <xf numFmtId="176" fontId="1" fillId="2" borderId="2" xfId="0" quotePrefix="1" applyNumberFormat="1" applyFont="1" applyFill="1" applyBorder="1" applyAlignment="1">
      <alignment horizontal="center" vertical="center" justifyLastLine="1"/>
    </xf>
    <xf numFmtId="176" fontId="1" fillId="2" borderId="3" xfId="0" quotePrefix="1" applyNumberFormat="1" applyFont="1" applyFill="1" applyBorder="1" applyAlignment="1">
      <alignment horizontal="center" vertical="center" justifyLastLine="1"/>
    </xf>
    <xf numFmtId="176" fontId="1" fillId="2" borderId="4" xfId="0" quotePrefix="1" applyNumberFormat="1" applyFont="1" applyFill="1" applyBorder="1" applyAlignment="1">
      <alignment horizontal="distributed" vertical="center" justifyLastLine="1"/>
    </xf>
    <xf numFmtId="176" fontId="1" fillId="2" borderId="5" xfId="0" quotePrefix="1" applyNumberFormat="1" applyFont="1" applyFill="1" applyBorder="1" applyAlignment="1">
      <alignment horizontal="distributed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41"/>
  <sheetViews>
    <sheetView showGridLines="0" tabSelected="1" view="pageBreakPreview" zoomScaleNormal="100" zoomScaleSheetLayoutView="100" workbookViewId="0">
      <pane xSplit="1" ySplit="3" topLeftCell="B4" activePane="bottomRight" state="frozen"/>
      <selection activeCell="D8" sqref="D8"/>
      <selection pane="topRight" activeCell="D8" sqref="D8"/>
      <selection pane="bottomLeft" activeCell="D8" sqref="D8"/>
      <selection pane="bottomRight"/>
    </sheetView>
  </sheetViews>
  <sheetFormatPr defaultColWidth="9" defaultRowHeight="17.399999999999999" x14ac:dyDescent="0.2"/>
  <cols>
    <col min="1" max="1" width="9.21875" style="1" bestFit="1" customWidth="1"/>
    <col min="2" max="11" width="14" style="1" customWidth="1"/>
    <col min="12" max="16384" width="9" style="1"/>
  </cols>
  <sheetData>
    <row r="1" spans="1:11" ht="18" customHeight="1" thickBot="1" x14ac:dyDescent="0.25">
      <c r="A1" s="1" t="s">
        <v>0</v>
      </c>
      <c r="C1" s="2"/>
      <c r="E1" s="2"/>
      <c r="G1" s="2"/>
      <c r="I1" s="2"/>
      <c r="K1" s="2" t="s">
        <v>1</v>
      </c>
    </row>
    <row r="2" spans="1:11" ht="18" customHeight="1" x14ac:dyDescent="0.2">
      <c r="A2" s="24" t="s">
        <v>2</v>
      </c>
      <c r="B2" s="26" t="s">
        <v>3</v>
      </c>
      <c r="C2" s="27"/>
      <c r="D2" s="26" t="s">
        <v>4</v>
      </c>
      <c r="E2" s="27"/>
      <c r="F2" s="28" t="s">
        <v>5</v>
      </c>
      <c r="G2" s="29"/>
      <c r="H2" s="28" t="s">
        <v>6</v>
      </c>
      <c r="I2" s="29"/>
      <c r="J2" s="28" t="s">
        <v>7</v>
      </c>
      <c r="K2" s="29"/>
    </row>
    <row r="3" spans="1:11" ht="18" customHeight="1" thickBot="1" x14ac:dyDescent="0.25">
      <c r="A3" s="25"/>
      <c r="B3" s="3" t="s">
        <v>8</v>
      </c>
      <c r="C3" s="4" t="s">
        <v>9</v>
      </c>
      <c r="D3" s="3" t="s">
        <v>8</v>
      </c>
      <c r="E3" s="4" t="s">
        <v>9</v>
      </c>
      <c r="F3" s="3" t="s">
        <v>8</v>
      </c>
      <c r="G3" s="4" t="s">
        <v>9</v>
      </c>
      <c r="H3" s="3" t="s">
        <v>8</v>
      </c>
      <c r="I3" s="4" t="s">
        <v>9</v>
      </c>
      <c r="J3" s="3" t="s">
        <v>8</v>
      </c>
      <c r="K3" s="4" t="s">
        <v>9</v>
      </c>
    </row>
    <row r="4" spans="1:11" ht="18" customHeight="1" x14ac:dyDescent="0.2">
      <c r="A4" s="5" t="s">
        <v>10</v>
      </c>
      <c r="B4" s="6">
        <f t="shared" ref="B4:I4" si="0">SUM(B5:B6)</f>
        <v>4577252</v>
      </c>
      <c r="C4" s="7">
        <f t="shared" si="0"/>
        <v>4602583</v>
      </c>
      <c r="D4" s="6">
        <f t="shared" si="0"/>
        <v>4585415</v>
      </c>
      <c r="E4" s="7">
        <f t="shared" si="0"/>
        <v>4614751</v>
      </c>
      <c r="F4" s="6">
        <f t="shared" si="0"/>
        <v>4588268</v>
      </c>
      <c r="G4" s="7">
        <f t="shared" si="0"/>
        <v>4649069</v>
      </c>
      <c r="H4" s="6">
        <f t="shared" si="0"/>
        <v>4583861</v>
      </c>
      <c r="I4" s="7">
        <f t="shared" si="0"/>
        <v>4652567</v>
      </c>
      <c r="J4" s="6">
        <f t="shared" ref="J4:K4" si="1">SUM(J5:J6)</f>
        <v>4578086</v>
      </c>
      <c r="K4" s="7">
        <f t="shared" si="1"/>
        <v>4654708</v>
      </c>
    </row>
    <row r="5" spans="1:11" ht="18" customHeight="1" x14ac:dyDescent="0.2">
      <c r="A5" s="8" t="s">
        <v>11</v>
      </c>
      <c r="B5" s="9">
        <f t="shared" ref="B5:J5" si="2">SUM(B7:B25)</f>
        <v>4434599</v>
      </c>
      <c r="C5" s="10">
        <f t="shared" si="2"/>
        <v>4455273</v>
      </c>
      <c r="D5" s="9">
        <f t="shared" si="2"/>
        <v>4443565</v>
      </c>
      <c r="E5" s="10">
        <f t="shared" si="2"/>
        <v>4468184</v>
      </c>
      <c r="F5" s="9">
        <f t="shared" si="2"/>
        <v>4446080</v>
      </c>
      <c r="G5" s="10">
        <f t="shared" si="2"/>
        <v>4502343</v>
      </c>
      <c r="H5" s="9">
        <f t="shared" si="2"/>
        <v>4442536</v>
      </c>
      <c r="I5" s="10">
        <f>SUM(I7:I25)</f>
        <v>4506428</v>
      </c>
      <c r="J5" s="9">
        <f t="shared" si="2"/>
        <v>4437441</v>
      </c>
      <c r="K5" s="10">
        <f>SUM(K7:K25)</f>
        <v>4509233</v>
      </c>
    </row>
    <row r="6" spans="1:11" ht="18" customHeight="1" thickBot="1" x14ac:dyDescent="0.25">
      <c r="A6" s="11" t="s">
        <v>12</v>
      </c>
      <c r="B6" s="12">
        <f t="shared" ref="B6:K6" si="3">SUM(B26:B39)</f>
        <v>142653</v>
      </c>
      <c r="C6" s="13">
        <f t="shared" si="3"/>
        <v>147310</v>
      </c>
      <c r="D6" s="12">
        <f t="shared" si="3"/>
        <v>141850</v>
      </c>
      <c r="E6" s="13">
        <f t="shared" si="3"/>
        <v>146567</v>
      </c>
      <c r="F6" s="12">
        <f t="shared" si="3"/>
        <v>142188</v>
      </c>
      <c r="G6" s="13">
        <f t="shared" si="3"/>
        <v>146726</v>
      </c>
      <c r="H6" s="12">
        <f t="shared" si="3"/>
        <v>141325</v>
      </c>
      <c r="I6" s="13">
        <f t="shared" si="3"/>
        <v>146139</v>
      </c>
      <c r="J6" s="12">
        <f t="shared" si="3"/>
        <v>140645</v>
      </c>
      <c r="K6" s="13">
        <f t="shared" si="3"/>
        <v>145475</v>
      </c>
    </row>
    <row r="7" spans="1:11" ht="18" customHeight="1" thickTop="1" x14ac:dyDescent="0.2">
      <c r="A7" s="14" t="s">
        <v>13</v>
      </c>
      <c r="B7" s="15">
        <v>1858663</v>
      </c>
      <c r="C7" s="16">
        <v>1881509</v>
      </c>
      <c r="D7" s="15">
        <v>1862158</v>
      </c>
      <c r="E7" s="16">
        <v>1886623</v>
      </c>
      <c r="F7" s="15">
        <v>1867305</v>
      </c>
      <c r="G7" s="16">
        <v>1910186</v>
      </c>
      <c r="H7" s="15">
        <v>1864667</v>
      </c>
      <c r="I7" s="16">
        <v>1910685</v>
      </c>
      <c r="J7" s="15">
        <v>1860765</v>
      </c>
      <c r="K7" s="16">
        <v>1911196</v>
      </c>
    </row>
    <row r="8" spans="1:11" ht="18" customHeight="1" x14ac:dyDescent="0.2">
      <c r="A8" s="14" t="s">
        <v>14</v>
      </c>
      <c r="B8" s="17">
        <v>767990</v>
      </c>
      <c r="C8" s="18">
        <v>748493</v>
      </c>
      <c r="D8" s="17">
        <v>774291</v>
      </c>
      <c r="E8" s="18">
        <v>756166</v>
      </c>
      <c r="F8" s="17">
        <v>775772</v>
      </c>
      <c r="G8" s="18">
        <v>762490</v>
      </c>
      <c r="H8" s="17">
        <v>776007</v>
      </c>
      <c r="I8" s="18">
        <v>764333</v>
      </c>
      <c r="J8" s="17">
        <v>775445</v>
      </c>
      <c r="K8" s="18">
        <v>765445</v>
      </c>
    </row>
    <row r="9" spans="1:11" ht="18" customHeight="1" x14ac:dyDescent="0.2">
      <c r="A9" s="14" t="s">
        <v>15</v>
      </c>
      <c r="B9" s="17">
        <v>361696</v>
      </c>
      <c r="C9" s="18">
        <v>361316</v>
      </c>
      <c r="D9" s="17">
        <v>361423</v>
      </c>
      <c r="E9" s="18">
        <v>361405</v>
      </c>
      <c r="F9" s="17">
        <v>362193</v>
      </c>
      <c r="G9" s="18">
        <v>363300</v>
      </c>
      <c r="H9" s="17">
        <v>361963</v>
      </c>
      <c r="I9" s="18">
        <v>363961</v>
      </c>
      <c r="J9" s="17">
        <v>361831</v>
      </c>
      <c r="K9" s="18">
        <v>364728</v>
      </c>
    </row>
    <row r="10" spans="1:11" ht="18" customHeight="1" x14ac:dyDescent="0.2">
      <c r="A10" s="14" t="s">
        <v>16</v>
      </c>
      <c r="B10" s="17">
        <v>198455</v>
      </c>
      <c r="C10" s="18">
        <v>199163</v>
      </c>
      <c r="D10" s="17">
        <v>196540</v>
      </c>
      <c r="E10" s="18">
        <v>197354</v>
      </c>
      <c r="F10" s="17">
        <v>193513</v>
      </c>
      <c r="G10" s="18">
        <v>194565</v>
      </c>
      <c r="H10" s="17">
        <v>191779</v>
      </c>
      <c r="I10" s="18">
        <v>192859</v>
      </c>
      <c r="J10" s="17">
        <v>189243</v>
      </c>
      <c r="K10" s="18">
        <v>190560</v>
      </c>
    </row>
    <row r="11" spans="1:11" ht="18" customHeight="1" x14ac:dyDescent="0.2">
      <c r="A11" s="14" t="s">
        <v>17</v>
      </c>
      <c r="B11" s="17">
        <v>129298</v>
      </c>
      <c r="C11" s="18">
        <v>128706</v>
      </c>
      <c r="D11" s="17">
        <v>128989</v>
      </c>
      <c r="E11" s="18">
        <v>128740</v>
      </c>
      <c r="F11" s="17">
        <v>129056</v>
      </c>
      <c r="G11" s="18">
        <v>129366</v>
      </c>
      <c r="H11" s="17">
        <v>128719</v>
      </c>
      <c r="I11" s="18">
        <v>129164</v>
      </c>
      <c r="J11" s="17">
        <v>128651</v>
      </c>
      <c r="K11" s="18">
        <v>129062</v>
      </c>
    </row>
    <row r="12" spans="1:11" ht="18" customHeight="1" x14ac:dyDescent="0.2">
      <c r="A12" s="14" t="s">
        <v>18</v>
      </c>
      <c r="B12" s="17">
        <v>81040</v>
      </c>
      <c r="C12" s="18">
        <v>91266</v>
      </c>
      <c r="D12" s="17">
        <v>80996</v>
      </c>
      <c r="E12" s="18">
        <v>91266</v>
      </c>
      <c r="F12" s="17">
        <v>81097</v>
      </c>
      <c r="G12" s="18">
        <v>91613</v>
      </c>
      <c r="H12" s="17">
        <v>81113</v>
      </c>
      <c r="I12" s="18">
        <v>91659</v>
      </c>
      <c r="J12" s="17">
        <v>80974</v>
      </c>
      <c r="K12" s="18">
        <v>91454</v>
      </c>
    </row>
    <row r="13" spans="1:11" ht="18" customHeight="1" x14ac:dyDescent="0.2">
      <c r="A13" s="14" t="s">
        <v>19</v>
      </c>
      <c r="B13" s="17">
        <v>213192</v>
      </c>
      <c r="C13" s="18">
        <v>218094</v>
      </c>
      <c r="D13" s="17">
        <v>214795</v>
      </c>
      <c r="E13" s="18">
        <v>219773</v>
      </c>
      <c r="F13" s="17">
        <v>215596</v>
      </c>
      <c r="G13" s="18">
        <v>221309</v>
      </c>
      <c r="H13" s="17">
        <v>217421</v>
      </c>
      <c r="I13" s="18">
        <v>223066</v>
      </c>
      <c r="J13" s="17">
        <v>218827</v>
      </c>
      <c r="K13" s="18">
        <v>224624</v>
      </c>
    </row>
    <row r="14" spans="1:11" ht="18" customHeight="1" x14ac:dyDescent="0.2">
      <c r="A14" s="14" t="s">
        <v>20</v>
      </c>
      <c r="B14" s="17">
        <v>93047</v>
      </c>
      <c r="C14" s="18">
        <v>98134</v>
      </c>
      <c r="D14" s="17">
        <v>92406</v>
      </c>
      <c r="E14" s="18">
        <v>97703</v>
      </c>
      <c r="F14" s="17">
        <v>91321</v>
      </c>
      <c r="G14" s="18">
        <v>97535</v>
      </c>
      <c r="H14" s="17">
        <v>90907</v>
      </c>
      <c r="I14" s="18">
        <v>97336</v>
      </c>
      <c r="J14" s="17">
        <v>90572</v>
      </c>
      <c r="K14" s="18">
        <v>96775</v>
      </c>
    </row>
    <row r="15" spans="1:11" ht="18" customHeight="1" x14ac:dyDescent="0.2">
      <c r="A15" s="14" t="s">
        <v>21</v>
      </c>
      <c r="B15" s="17">
        <v>117872</v>
      </c>
      <c r="C15" s="18">
        <v>124131</v>
      </c>
      <c r="D15" s="17">
        <v>117749</v>
      </c>
      <c r="E15" s="18">
        <v>124138</v>
      </c>
      <c r="F15" s="17">
        <v>117608</v>
      </c>
      <c r="G15" s="18">
        <v>124781</v>
      </c>
      <c r="H15" s="17">
        <v>117993</v>
      </c>
      <c r="I15" s="18">
        <v>125413</v>
      </c>
      <c r="J15" s="17">
        <v>118160</v>
      </c>
      <c r="K15" s="18">
        <v>125931</v>
      </c>
    </row>
    <row r="16" spans="1:11" ht="18" customHeight="1" x14ac:dyDescent="0.2">
      <c r="A16" s="14" t="s">
        <v>22</v>
      </c>
      <c r="B16" s="17">
        <v>26697</v>
      </c>
      <c r="C16" s="18">
        <v>30428</v>
      </c>
      <c r="D16" s="17">
        <v>26583</v>
      </c>
      <c r="E16" s="18">
        <v>30353</v>
      </c>
      <c r="F16" s="17">
        <v>26719</v>
      </c>
      <c r="G16" s="18">
        <v>30341</v>
      </c>
      <c r="H16" s="17">
        <v>26723</v>
      </c>
      <c r="I16" s="18">
        <v>30283</v>
      </c>
      <c r="J16" s="17">
        <v>26497</v>
      </c>
      <c r="K16" s="18">
        <v>30112</v>
      </c>
    </row>
    <row r="17" spans="1:11" ht="18" customHeight="1" x14ac:dyDescent="0.2">
      <c r="A17" s="14" t="s">
        <v>23</v>
      </c>
      <c r="B17" s="17">
        <v>20713</v>
      </c>
      <c r="C17" s="18">
        <v>22450</v>
      </c>
      <c r="D17" s="17">
        <v>20405</v>
      </c>
      <c r="E17" s="18">
        <v>22083</v>
      </c>
      <c r="F17" s="17">
        <v>20142</v>
      </c>
      <c r="G17" s="18">
        <v>21927</v>
      </c>
      <c r="H17" s="17">
        <v>19834</v>
      </c>
      <c r="I17" s="18">
        <v>21631</v>
      </c>
      <c r="J17" s="17">
        <v>19574</v>
      </c>
      <c r="K17" s="18">
        <v>21369</v>
      </c>
    </row>
    <row r="18" spans="1:11" ht="18" customHeight="1" x14ac:dyDescent="0.2">
      <c r="A18" s="14" t="s">
        <v>24</v>
      </c>
      <c r="B18" s="17">
        <v>84626</v>
      </c>
      <c r="C18" s="18">
        <v>80767</v>
      </c>
      <c r="D18" s="17">
        <v>84555</v>
      </c>
      <c r="E18" s="18">
        <v>80496</v>
      </c>
      <c r="F18" s="17">
        <v>82134</v>
      </c>
      <c r="G18" s="18">
        <v>80305</v>
      </c>
      <c r="H18" s="17">
        <v>81867</v>
      </c>
      <c r="I18" s="18">
        <v>80109</v>
      </c>
      <c r="J18" s="17">
        <v>81673</v>
      </c>
      <c r="K18" s="18">
        <v>79979</v>
      </c>
    </row>
    <row r="19" spans="1:11" ht="18" customHeight="1" x14ac:dyDescent="0.2">
      <c r="A19" s="14" t="s">
        <v>25</v>
      </c>
      <c r="B19" s="17">
        <v>116487</v>
      </c>
      <c r="C19" s="18">
        <v>108717</v>
      </c>
      <c r="D19" s="17">
        <v>116247</v>
      </c>
      <c r="E19" s="18">
        <v>108430</v>
      </c>
      <c r="F19" s="17">
        <v>115343</v>
      </c>
      <c r="G19" s="18">
        <v>108362</v>
      </c>
      <c r="H19" s="17">
        <v>115293</v>
      </c>
      <c r="I19" s="18">
        <v>108478</v>
      </c>
      <c r="J19" s="17">
        <v>115378</v>
      </c>
      <c r="K19" s="18">
        <v>108717</v>
      </c>
    </row>
    <row r="20" spans="1:11" ht="18" customHeight="1" x14ac:dyDescent="0.2">
      <c r="A20" s="14" t="s">
        <v>26</v>
      </c>
      <c r="B20" s="17">
        <v>117831</v>
      </c>
      <c r="C20" s="18">
        <v>118015</v>
      </c>
      <c r="D20" s="17">
        <v>118643</v>
      </c>
      <c r="E20" s="18">
        <v>118802</v>
      </c>
      <c r="F20" s="17">
        <v>119582</v>
      </c>
      <c r="G20" s="18">
        <v>119587</v>
      </c>
      <c r="H20" s="17">
        <v>120269</v>
      </c>
      <c r="I20" s="18">
        <v>120911</v>
      </c>
      <c r="J20" s="17">
        <v>120997</v>
      </c>
      <c r="K20" s="18">
        <v>121683</v>
      </c>
    </row>
    <row r="21" spans="1:11" ht="18" customHeight="1" x14ac:dyDescent="0.2">
      <c r="A21" s="14" t="s">
        <v>27</v>
      </c>
      <c r="B21" s="17">
        <v>51967</v>
      </c>
      <c r="C21" s="18">
        <v>50503</v>
      </c>
      <c r="D21" s="17">
        <v>51773</v>
      </c>
      <c r="E21" s="18">
        <v>50364</v>
      </c>
      <c r="F21" s="17">
        <v>51486</v>
      </c>
      <c r="G21" s="18">
        <v>50294</v>
      </c>
      <c r="H21" s="17">
        <v>51189</v>
      </c>
      <c r="I21" s="18">
        <v>50048</v>
      </c>
      <c r="J21" s="17">
        <v>51271</v>
      </c>
      <c r="K21" s="18">
        <v>50089</v>
      </c>
    </row>
    <row r="22" spans="1:11" ht="18" customHeight="1" x14ac:dyDescent="0.2">
      <c r="A22" s="14" t="s">
        <v>28</v>
      </c>
      <c r="B22" s="17">
        <v>66782</v>
      </c>
      <c r="C22" s="18">
        <v>65859</v>
      </c>
      <c r="D22" s="17">
        <v>67310</v>
      </c>
      <c r="E22" s="18">
        <v>66396</v>
      </c>
      <c r="F22" s="17">
        <v>68631</v>
      </c>
      <c r="G22" s="18">
        <v>67885</v>
      </c>
      <c r="H22" s="17">
        <v>68990</v>
      </c>
      <c r="I22" s="18">
        <v>68313</v>
      </c>
      <c r="J22" s="17">
        <v>69964</v>
      </c>
      <c r="K22" s="18">
        <v>69423</v>
      </c>
    </row>
    <row r="23" spans="1:11" ht="18" customHeight="1" x14ac:dyDescent="0.2">
      <c r="A23" s="14" t="s">
        <v>29</v>
      </c>
      <c r="B23" s="17">
        <v>64568</v>
      </c>
      <c r="C23" s="18">
        <v>64857</v>
      </c>
      <c r="D23" s="17">
        <v>65092</v>
      </c>
      <c r="E23" s="18">
        <v>65516</v>
      </c>
      <c r="F23" s="17">
        <v>66001</v>
      </c>
      <c r="G23" s="18">
        <v>66324</v>
      </c>
      <c r="H23" s="17">
        <v>65825</v>
      </c>
      <c r="I23" s="18">
        <v>66427</v>
      </c>
      <c r="J23" s="17">
        <v>65764</v>
      </c>
      <c r="K23" s="18">
        <v>66418</v>
      </c>
    </row>
    <row r="24" spans="1:11" ht="18" customHeight="1" x14ac:dyDescent="0.2">
      <c r="A24" s="14" t="s">
        <v>30</v>
      </c>
      <c r="B24" s="17">
        <v>20818</v>
      </c>
      <c r="C24" s="18">
        <v>21493</v>
      </c>
      <c r="D24" s="17">
        <v>20584</v>
      </c>
      <c r="E24" s="18">
        <v>21230</v>
      </c>
      <c r="F24" s="17">
        <v>20000</v>
      </c>
      <c r="G24" s="18">
        <v>20841</v>
      </c>
      <c r="H24" s="17">
        <v>19779</v>
      </c>
      <c r="I24" s="18">
        <v>20633</v>
      </c>
      <c r="J24" s="17">
        <v>19682</v>
      </c>
      <c r="K24" s="18">
        <v>20508</v>
      </c>
    </row>
    <row r="25" spans="1:11" ht="18" customHeight="1" thickBot="1" x14ac:dyDescent="0.25">
      <c r="A25" s="19" t="s">
        <v>31</v>
      </c>
      <c r="B25" s="20">
        <v>42857</v>
      </c>
      <c r="C25" s="21">
        <v>41372</v>
      </c>
      <c r="D25" s="20">
        <v>43026</v>
      </c>
      <c r="E25" s="21">
        <v>41346</v>
      </c>
      <c r="F25" s="20">
        <v>42581</v>
      </c>
      <c r="G25" s="21">
        <v>41332</v>
      </c>
      <c r="H25" s="20">
        <v>42198</v>
      </c>
      <c r="I25" s="21">
        <v>41119</v>
      </c>
      <c r="J25" s="20">
        <v>42173</v>
      </c>
      <c r="K25" s="21">
        <v>41160</v>
      </c>
    </row>
    <row r="26" spans="1:11" ht="18" customHeight="1" thickTop="1" x14ac:dyDescent="0.2">
      <c r="A26" s="14" t="s">
        <v>32</v>
      </c>
      <c r="B26" s="15">
        <v>15059</v>
      </c>
      <c r="C26" s="16">
        <v>16799</v>
      </c>
      <c r="D26" s="15">
        <v>14964</v>
      </c>
      <c r="E26" s="16">
        <v>16719</v>
      </c>
      <c r="F26" s="15">
        <v>14914</v>
      </c>
      <c r="G26" s="16">
        <v>16751</v>
      </c>
      <c r="H26" s="15">
        <v>14872</v>
      </c>
      <c r="I26" s="16">
        <v>16795</v>
      </c>
      <c r="J26" s="15">
        <v>14743</v>
      </c>
      <c r="K26" s="16">
        <v>16688</v>
      </c>
    </row>
    <row r="27" spans="1:11" ht="18" customHeight="1" x14ac:dyDescent="0.2">
      <c r="A27" s="14" t="s">
        <v>33</v>
      </c>
      <c r="B27" s="17">
        <v>24445</v>
      </c>
      <c r="C27" s="18">
        <v>23787</v>
      </c>
      <c r="D27" s="17">
        <v>24512</v>
      </c>
      <c r="E27" s="18">
        <v>23867</v>
      </c>
      <c r="F27" s="17">
        <v>24466</v>
      </c>
      <c r="G27" s="18">
        <v>23882</v>
      </c>
      <c r="H27" s="17">
        <v>24530</v>
      </c>
      <c r="I27" s="18">
        <v>23965</v>
      </c>
      <c r="J27" s="17">
        <v>24678</v>
      </c>
      <c r="K27" s="18">
        <v>23953</v>
      </c>
    </row>
    <row r="28" spans="1:11" ht="18" customHeight="1" x14ac:dyDescent="0.2">
      <c r="A28" s="14" t="s">
        <v>34</v>
      </c>
      <c r="B28" s="17">
        <v>15374</v>
      </c>
      <c r="C28" s="18">
        <v>16093</v>
      </c>
      <c r="D28" s="17">
        <v>15260</v>
      </c>
      <c r="E28" s="18">
        <v>16024</v>
      </c>
      <c r="F28" s="17">
        <v>15411</v>
      </c>
      <c r="G28" s="18">
        <v>16223</v>
      </c>
      <c r="H28" s="17">
        <v>15333</v>
      </c>
      <c r="I28" s="18">
        <v>16142</v>
      </c>
      <c r="J28" s="17">
        <v>15255</v>
      </c>
      <c r="K28" s="18">
        <v>16098</v>
      </c>
    </row>
    <row r="29" spans="1:11" ht="18" customHeight="1" x14ac:dyDescent="0.2">
      <c r="A29" s="14" t="s">
        <v>35</v>
      </c>
      <c r="B29" s="17">
        <v>13450</v>
      </c>
      <c r="C29" s="18">
        <v>14469</v>
      </c>
      <c r="D29" s="17">
        <v>13372</v>
      </c>
      <c r="E29" s="18">
        <v>14372</v>
      </c>
      <c r="F29" s="17">
        <v>13285</v>
      </c>
      <c r="G29" s="18">
        <v>14279</v>
      </c>
      <c r="H29" s="17">
        <v>13158</v>
      </c>
      <c r="I29" s="18">
        <v>14223</v>
      </c>
      <c r="J29" s="17">
        <v>13034</v>
      </c>
      <c r="K29" s="18">
        <v>14086</v>
      </c>
    </row>
    <row r="30" spans="1:11" ht="18" customHeight="1" x14ac:dyDescent="0.2">
      <c r="A30" s="14" t="s">
        <v>36</v>
      </c>
      <c r="B30" s="17">
        <v>4738</v>
      </c>
      <c r="C30" s="18">
        <v>4715</v>
      </c>
      <c r="D30" s="17">
        <v>4712</v>
      </c>
      <c r="E30" s="18">
        <v>4656</v>
      </c>
      <c r="F30" s="17">
        <v>4664</v>
      </c>
      <c r="G30" s="18">
        <v>4636</v>
      </c>
      <c r="H30" s="17">
        <v>4561</v>
      </c>
      <c r="I30" s="18">
        <v>4555</v>
      </c>
      <c r="J30" s="17">
        <v>4551</v>
      </c>
      <c r="K30" s="18">
        <v>4547</v>
      </c>
    </row>
    <row r="31" spans="1:11" ht="18" customHeight="1" x14ac:dyDescent="0.2">
      <c r="A31" s="14" t="s">
        <v>37</v>
      </c>
      <c r="B31" s="17">
        <v>8441</v>
      </c>
      <c r="C31" s="18">
        <v>8532</v>
      </c>
      <c r="D31" s="17">
        <v>8476</v>
      </c>
      <c r="E31" s="18">
        <v>8584</v>
      </c>
      <c r="F31" s="17">
        <v>8437</v>
      </c>
      <c r="G31" s="18">
        <v>8692</v>
      </c>
      <c r="H31" s="17">
        <v>8423</v>
      </c>
      <c r="I31" s="18">
        <v>8735</v>
      </c>
      <c r="J31" s="17">
        <v>8454</v>
      </c>
      <c r="K31" s="18">
        <v>8765</v>
      </c>
    </row>
    <row r="32" spans="1:11" ht="18" customHeight="1" x14ac:dyDescent="0.2">
      <c r="A32" s="14" t="s">
        <v>38</v>
      </c>
      <c r="B32" s="17">
        <v>5405</v>
      </c>
      <c r="C32" s="18">
        <v>5570</v>
      </c>
      <c r="D32" s="17">
        <v>5358</v>
      </c>
      <c r="E32" s="18">
        <v>5526</v>
      </c>
      <c r="F32" s="17">
        <v>5404</v>
      </c>
      <c r="G32" s="18">
        <v>5432</v>
      </c>
      <c r="H32" s="17">
        <v>5274</v>
      </c>
      <c r="I32" s="18">
        <v>5342</v>
      </c>
      <c r="J32" s="17">
        <v>5203</v>
      </c>
      <c r="K32" s="18">
        <v>5274</v>
      </c>
    </row>
    <row r="33" spans="1:11" ht="18" customHeight="1" x14ac:dyDescent="0.2">
      <c r="A33" s="14" t="s">
        <v>39</v>
      </c>
      <c r="B33" s="17">
        <v>4870</v>
      </c>
      <c r="C33" s="18">
        <v>5053</v>
      </c>
      <c r="D33" s="17">
        <v>4757</v>
      </c>
      <c r="E33" s="18">
        <v>4945</v>
      </c>
      <c r="F33" s="17">
        <v>4826</v>
      </c>
      <c r="G33" s="18">
        <v>4935</v>
      </c>
      <c r="H33" s="17">
        <v>4764</v>
      </c>
      <c r="I33" s="18">
        <v>4856</v>
      </c>
      <c r="J33" s="17">
        <v>4646</v>
      </c>
      <c r="K33" s="18">
        <v>4731</v>
      </c>
    </row>
    <row r="34" spans="1:11" ht="18" customHeight="1" x14ac:dyDescent="0.2">
      <c r="A34" s="14" t="s">
        <v>40</v>
      </c>
      <c r="B34" s="17">
        <v>8632</v>
      </c>
      <c r="C34" s="18">
        <v>9102</v>
      </c>
      <c r="D34" s="17">
        <v>8747</v>
      </c>
      <c r="E34" s="18">
        <v>9263</v>
      </c>
      <c r="F34" s="17">
        <v>8911</v>
      </c>
      <c r="G34" s="18">
        <v>9418</v>
      </c>
      <c r="H34" s="17">
        <v>8997</v>
      </c>
      <c r="I34" s="18">
        <v>9516</v>
      </c>
      <c r="J34" s="17">
        <v>9061</v>
      </c>
      <c r="K34" s="18">
        <v>9616</v>
      </c>
    </row>
    <row r="35" spans="1:11" ht="18" customHeight="1" x14ac:dyDescent="0.2">
      <c r="A35" s="14" t="s">
        <v>41</v>
      </c>
      <c r="B35" s="17">
        <v>5432</v>
      </c>
      <c r="C35" s="18">
        <v>5957</v>
      </c>
      <c r="D35" s="17">
        <v>5330</v>
      </c>
      <c r="E35" s="18">
        <v>5839</v>
      </c>
      <c r="F35" s="17">
        <v>5423</v>
      </c>
      <c r="G35" s="18">
        <v>5870</v>
      </c>
      <c r="H35" s="17">
        <v>5357</v>
      </c>
      <c r="I35" s="18">
        <v>5817</v>
      </c>
      <c r="J35" s="17">
        <v>5256</v>
      </c>
      <c r="K35" s="18">
        <v>5722</v>
      </c>
    </row>
    <row r="36" spans="1:11" ht="18" customHeight="1" x14ac:dyDescent="0.2">
      <c r="A36" s="14" t="s">
        <v>42</v>
      </c>
      <c r="B36" s="17">
        <v>3257</v>
      </c>
      <c r="C36" s="18">
        <v>3703</v>
      </c>
      <c r="D36" s="17">
        <v>3202</v>
      </c>
      <c r="E36" s="18">
        <v>3641</v>
      </c>
      <c r="F36" s="17">
        <v>3124</v>
      </c>
      <c r="G36" s="18">
        <v>3598</v>
      </c>
      <c r="H36" s="17">
        <v>3057</v>
      </c>
      <c r="I36" s="18">
        <v>3541</v>
      </c>
      <c r="J36" s="17">
        <v>3014</v>
      </c>
      <c r="K36" s="18">
        <v>3497</v>
      </c>
    </row>
    <row r="37" spans="1:11" ht="18" customHeight="1" x14ac:dyDescent="0.2">
      <c r="A37" s="14" t="s">
        <v>43</v>
      </c>
      <c r="B37" s="17">
        <v>11225</v>
      </c>
      <c r="C37" s="18">
        <v>12940</v>
      </c>
      <c r="D37" s="17">
        <v>11049</v>
      </c>
      <c r="E37" s="18">
        <v>12753</v>
      </c>
      <c r="F37" s="17">
        <v>10884</v>
      </c>
      <c r="G37" s="18">
        <v>12542</v>
      </c>
      <c r="H37" s="17">
        <v>10730</v>
      </c>
      <c r="I37" s="18">
        <v>12359</v>
      </c>
      <c r="J37" s="17">
        <v>10612</v>
      </c>
      <c r="K37" s="18">
        <v>12243</v>
      </c>
    </row>
    <row r="38" spans="1:11" ht="18" customHeight="1" x14ac:dyDescent="0.2">
      <c r="A38" s="14" t="s">
        <v>44</v>
      </c>
      <c r="B38" s="17">
        <v>20721</v>
      </c>
      <c r="C38" s="18">
        <v>19051</v>
      </c>
      <c r="D38" s="17">
        <v>20521</v>
      </c>
      <c r="E38" s="18">
        <v>18860</v>
      </c>
      <c r="F38" s="17">
        <v>20883</v>
      </c>
      <c r="G38" s="18">
        <v>18986</v>
      </c>
      <c r="H38" s="17">
        <v>20732</v>
      </c>
      <c r="I38" s="18">
        <v>18805</v>
      </c>
      <c r="J38" s="17">
        <v>20623</v>
      </c>
      <c r="K38" s="18">
        <v>18789</v>
      </c>
    </row>
    <row r="39" spans="1:11" ht="18" customHeight="1" thickBot="1" x14ac:dyDescent="0.25">
      <c r="A39" s="14" t="s">
        <v>45</v>
      </c>
      <c r="B39" s="17">
        <v>1604</v>
      </c>
      <c r="C39" s="18">
        <v>1539</v>
      </c>
      <c r="D39" s="17">
        <v>1590</v>
      </c>
      <c r="E39" s="18">
        <v>1518</v>
      </c>
      <c r="F39" s="17">
        <v>1556</v>
      </c>
      <c r="G39" s="18">
        <v>1482</v>
      </c>
      <c r="H39" s="17">
        <v>1537</v>
      </c>
      <c r="I39" s="18">
        <v>1488</v>
      </c>
      <c r="J39" s="17">
        <v>1515</v>
      </c>
      <c r="K39" s="18">
        <v>1466</v>
      </c>
    </row>
    <row r="40" spans="1:11" x14ac:dyDescent="0.2">
      <c r="A40" s="22" t="s">
        <v>46</v>
      </c>
      <c r="B40" s="22"/>
      <c r="C40" s="22"/>
      <c r="D40" s="22"/>
      <c r="E40" s="22"/>
      <c r="F40" s="22"/>
      <c r="G40" s="22"/>
      <c r="H40" s="22"/>
      <c r="I40" s="22"/>
      <c r="J40" s="22"/>
      <c r="K40" s="22"/>
    </row>
    <row r="41" spans="1:11" ht="18" customHeight="1" x14ac:dyDescent="0.2">
      <c r="A41" s="23"/>
      <c r="B41" s="23"/>
      <c r="C41" s="23"/>
      <c r="D41" s="23"/>
      <c r="E41" s="23"/>
      <c r="F41" s="23"/>
      <c r="G41" s="23"/>
      <c r="H41" s="23"/>
      <c r="I41" s="23"/>
      <c r="J41" s="23"/>
      <c r="K41" s="23"/>
    </row>
  </sheetData>
  <mergeCells count="7">
    <mergeCell ref="A40:K41"/>
    <mergeCell ref="A2:A3"/>
    <mergeCell ref="B2:C2"/>
    <mergeCell ref="D2:E2"/>
    <mergeCell ref="F2:G2"/>
    <mergeCell ref="H2:I2"/>
    <mergeCell ref="J2:K2"/>
  </mergeCells>
  <phoneticPr fontId="2"/>
  <pageMargins left="0.59055118110236227" right="0.59055118110236227" top="0.59055118110236227" bottom="0" header="0.39370078740157483" footer="0.39370078740157483"/>
  <pageSetup paperSize="9" scale="60" orientation="landscape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2</vt:lpstr>
      <vt:lpstr>'1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3T00:53:29Z</dcterms:created>
  <dcterms:modified xsi:type="dcterms:W3CDTF">2024-02-13T00:58:42Z</dcterms:modified>
</cp:coreProperties>
</file>